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54B7857B" w14:textId="77777777" w:rsidR="00C62E6E" w:rsidRPr="00D504CD" w:rsidRDefault="00C62E6E" w:rsidP="00C62E6E">
      <w:pPr>
        <w:pStyle w:val="TitleBold"/>
      </w:pPr>
      <w:r w:rsidRPr="00D504CD">
        <w:t>NOTICE TO TAXPAYERS</w:t>
      </w:r>
      <w:r w:rsidRPr="00D504CD">
        <w:br/>
        <w:t>OF ADDITIONAL APPROPRIATION</w:t>
      </w:r>
    </w:p>
    <w:p w14:paraId="1F8898A0" w14:textId="0A3A7AD7" w:rsidR="00C62E6E" w:rsidRPr="00D504CD" w:rsidRDefault="00C62E6E" w:rsidP="00C62E6E">
      <w:pPr>
        <w:pStyle w:val="1stLineIndentSS"/>
      </w:pPr>
      <w:r w:rsidRPr="00D504CD">
        <w:t xml:space="preserve">Notice is hereby given to the taxpayers of </w:t>
      </w:r>
      <w:r>
        <w:t xml:space="preserve">the </w:t>
      </w:r>
      <w:r w:rsidR="00C70239">
        <w:t>Franklin Township Community School Corporation</w:t>
      </w:r>
      <w:r w:rsidRPr="00D504CD">
        <w:t xml:space="preserve"> </w:t>
      </w:r>
      <w:r>
        <w:t xml:space="preserve">(the "School Corporation") </w:t>
      </w:r>
      <w:r w:rsidRPr="00D504CD">
        <w:t xml:space="preserve">that the Board of School Trustees </w:t>
      </w:r>
      <w:r>
        <w:t xml:space="preserve">(the "Board") </w:t>
      </w:r>
      <w:r w:rsidRPr="00D504CD">
        <w:t xml:space="preserve">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will meet </w:t>
      </w:r>
      <w:r>
        <w:t>at</w:t>
      </w:r>
      <w:r w:rsidR="00D970FA">
        <w:t xml:space="preserve"> 6141 S. Franklin Road</w:t>
      </w:r>
      <w:r>
        <w:t xml:space="preserve">, </w:t>
      </w:r>
      <w:r w:rsidR="00C70239">
        <w:t>Indianapolis</w:t>
      </w:r>
      <w:r w:rsidRPr="00D504CD">
        <w:t>, Indiana, at the hour of</w:t>
      </w:r>
      <w:r w:rsidR="00D970FA">
        <w:t xml:space="preserve"> 6</w:t>
      </w:r>
      <w:r>
        <w:t>:</w:t>
      </w:r>
      <w:r w:rsidR="00D970FA">
        <w:t>00</w:t>
      </w:r>
      <w:r w:rsidRPr="00D504CD">
        <w:t xml:space="preserve"> </w:t>
      </w:r>
      <w:r>
        <w:t>p.m.</w:t>
      </w:r>
      <w:r w:rsidRPr="00D504CD">
        <w:t xml:space="preserve"> (</w:t>
      </w:r>
      <w:r>
        <w:t>Local T</w:t>
      </w:r>
      <w:r w:rsidRPr="00D504CD">
        <w:t xml:space="preserve">ime) on </w:t>
      </w:r>
      <w:r w:rsidR="00C70239">
        <w:t>April 25</w:t>
      </w:r>
      <w:r w:rsidRPr="00D504CD">
        <w:t xml:space="preserve">, </w:t>
      </w:r>
      <w:r w:rsidR="00B67205">
        <w:t>2022</w:t>
      </w:r>
      <w:r w:rsidRPr="00D504CD">
        <w:t xml:space="preserve">, to consider the following additional appropriation which </w:t>
      </w:r>
      <w:r>
        <w:t xml:space="preserve">the </w:t>
      </w:r>
      <w:r w:rsidRPr="00D504CD">
        <w:t xml:space="preserve">Board considers necessary to meet the </w:t>
      </w:r>
      <w:r>
        <w:t xml:space="preserve">need existing at this </w:t>
      </w:r>
      <w:r w:rsidRPr="00D504CD">
        <w:t>time:</w:t>
      </w:r>
    </w:p>
    <w:p w14:paraId="5653FCE7" w14:textId="13087E53" w:rsidR="00C62E6E" w:rsidRPr="00D504CD" w:rsidRDefault="00C62E6E" w:rsidP="00C62E6E">
      <w:pPr>
        <w:pStyle w:val="1stLineIndentSS"/>
      </w:pPr>
      <w:r w:rsidRPr="00D504CD">
        <w:t xml:space="preserve">An appropriation in the amount </w:t>
      </w:r>
      <w:r w:rsidR="00CF00C0">
        <w:t xml:space="preserve">not to exceed </w:t>
      </w:r>
      <w:r w:rsidRPr="00D504CD">
        <w:t>$</w:t>
      </w:r>
      <w:r w:rsidR="00C70239">
        <w:t>59,500,000</w:t>
      </w:r>
      <w:r w:rsidR="00952E6D">
        <w:t>, plus investment earnings thereon,</w:t>
      </w:r>
      <w:r w:rsidRPr="00D504CD">
        <w:t xml:space="preserve"> on account of the </w:t>
      </w:r>
      <w:r w:rsidR="00C70239" w:rsidRPr="00B612D7">
        <w:rPr>
          <w:color w:val="000000"/>
        </w:rPr>
        <w:t xml:space="preserve">Capacity and Improvement Project, </w:t>
      </w:r>
      <w:r w:rsidR="00C70239">
        <w:rPr>
          <w:color w:val="000000"/>
        </w:rPr>
        <w:t>including the</w:t>
      </w:r>
      <w:r w:rsidR="00C70239" w:rsidRPr="00B612D7">
        <w:rPr>
          <w:color w:val="000000"/>
        </w:rPr>
        <w:t xml:space="preserve"> r</w:t>
      </w:r>
      <w:r w:rsidR="00C70239" w:rsidRPr="00B612D7">
        <w:t>enovation and expansion of Edgewood Intermediate School, construction of a new elementary school</w:t>
      </w:r>
      <w:r w:rsidR="00C70239">
        <w:t>,</w:t>
      </w:r>
      <w:r w:rsidR="00C70239" w:rsidRPr="00B612D7">
        <w:t xml:space="preserve"> and maintenance and repairs to school facilities</w:t>
      </w:r>
      <w:r w:rsidR="00C70239">
        <w:t xml:space="preserve"> throughout the district</w:t>
      </w:r>
      <w:r w:rsidR="00C70239" w:rsidRPr="00B612D7">
        <w:t>, including site improvements and the purchase of equipment and technology</w:t>
      </w:r>
      <w:r w:rsidR="00C70239">
        <w:t xml:space="preserve"> </w:t>
      </w:r>
      <w:r>
        <w:t>(the "Project</w:t>
      </w:r>
      <w:r w:rsidR="00C70239">
        <w:t>s</w:t>
      </w:r>
      <w:r>
        <w:t>")</w:t>
      </w:r>
      <w:r w:rsidRPr="00D504CD">
        <w:t xml:space="preserve">, including the incidental expenses necessary to be incurred in connection with </w:t>
      </w:r>
      <w:r>
        <w:t>the P</w:t>
      </w:r>
      <w:r w:rsidRPr="00D504CD">
        <w:t>roject</w:t>
      </w:r>
      <w:r w:rsidR="00C70239">
        <w:t>s</w:t>
      </w:r>
      <w:r w:rsidRPr="00D504CD">
        <w:t xml:space="preserve">.  The funds to meet such additional appropriation are to be provided by the sale of real estate to the </w:t>
      </w:r>
      <w:r w:rsidR="00C70239">
        <w:t>Franklin Township Multi-School Building Corporation</w:t>
      </w:r>
      <w:r w:rsidRPr="00D504CD">
        <w:t>.</w:t>
      </w:r>
    </w:p>
    <w:p w14:paraId="6F1A0E65" w14:textId="77777777" w:rsidR="00C62E6E" w:rsidRPr="00D504CD" w:rsidRDefault="00C62E6E" w:rsidP="00C62E6E">
      <w:pPr>
        <w:pStyle w:val="1stLineIndentSS"/>
      </w:pPr>
      <w:r w:rsidRPr="00D504CD">
        <w:t>The foregoing appropriation is in addition to all appropriations provided for in the existing budget and tax levy, and a</w:t>
      </w:r>
      <w:r>
        <w:t xml:space="preserve"> need </w:t>
      </w:r>
      <w:r w:rsidRPr="00D504CD">
        <w:t>for such appropriation exists by reason of the inadequacy of the present buildings to provide necessary school facilities.</w:t>
      </w:r>
    </w:p>
    <w:p w14:paraId="55A728C8" w14:textId="77777777" w:rsidR="00C62E6E" w:rsidRDefault="00C62E6E" w:rsidP="00C62E6E">
      <w:pPr>
        <w:pStyle w:val="1stLineIndentSS"/>
      </w:pPr>
      <w:r w:rsidRPr="00D504CD">
        <w:t xml:space="preserve">Taxpayers 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appearing at </w:t>
      </w:r>
      <w:r>
        <w:t xml:space="preserve">the </w:t>
      </w:r>
      <w:r w:rsidRPr="00D504CD">
        <w:t xml:space="preserve">meeting shall have the right to be heard in respect to </w:t>
      </w:r>
      <w:r>
        <w:t xml:space="preserve">the </w:t>
      </w:r>
      <w:r w:rsidRPr="00D504CD">
        <w:t>additional appropriation.</w:t>
      </w:r>
    </w:p>
    <w:p w14:paraId="59D95B2E" w14:textId="2A88BD26" w:rsidR="00C62E6E" w:rsidRPr="00D504CD" w:rsidRDefault="00C62E6E" w:rsidP="00C62E6E">
      <w:pPr>
        <w:pStyle w:val="1stLineIndentSS"/>
      </w:pPr>
      <w:r w:rsidRPr="00D504CD">
        <w:t xml:space="preserve">Dated this </w:t>
      </w:r>
      <w:r w:rsidR="00C70239">
        <w:t>25</w:t>
      </w:r>
      <w:r w:rsidR="00C70239" w:rsidRPr="00C70239">
        <w:rPr>
          <w:vertAlign w:val="superscript"/>
        </w:rPr>
        <w:t>th</w:t>
      </w:r>
      <w:r w:rsidR="00C70239">
        <w:t xml:space="preserve"> </w:t>
      </w:r>
      <w:r w:rsidRPr="00D504CD">
        <w:t xml:space="preserve">day of </w:t>
      </w:r>
      <w:r w:rsidR="00C70239">
        <w:t>March</w:t>
      </w:r>
      <w:r>
        <w:t xml:space="preserve">, </w:t>
      </w:r>
      <w:r w:rsidR="00B67205">
        <w:t>2022</w:t>
      </w:r>
      <w:r w:rsidRPr="00D504CD">
        <w:t>.</w:t>
      </w:r>
    </w:p>
    <w:p w14:paraId="028BE47B" w14:textId="77777777" w:rsidR="00C62E6E" w:rsidRDefault="00C62E6E" w:rsidP="00C62E6E">
      <w:pPr>
        <w:pStyle w:val="Signature"/>
      </w:pPr>
    </w:p>
    <w:p w14:paraId="4BC90452" w14:textId="585E5F25" w:rsidR="00952E6D" w:rsidRPr="00A814DE" w:rsidRDefault="00952E6D" w:rsidP="00952E6D">
      <w:pPr>
        <w:pStyle w:val="Signature"/>
      </w:pPr>
      <w:r w:rsidRPr="00D26C0B">
        <w:rPr>
          <w:i/>
          <w:iCs/>
          <w:u w:val="single"/>
        </w:rPr>
        <w:t>/s/</w:t>
      </w:r>
      <w:r w:rsidR="006B3DC1">
        <w:rPr>
          <w:i/>
          <w:iCs/>
          <w:u w:val="single"/>
        </w:rPr>
        <w:t xml:space="preserve"> Secretray,</w:t>
      </w:r>
      <w:r w:rsidRPr="00D26C0B">
        <w:rPr>
          <w:i/>
          <w:iCs/>
          <w:u w:val="single"/>
        </w:rPr>
        <w:t xml:space="preserve">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79B79C1F" w14:textId="40033E78" w:rsidR="00952E6D" w:rsidRDefault="00C70239" w:rsidP="00952E6D">
      <w:pPr>
        <w:pStyle w:val="Signature"/>
        <w:rPr>
          <w:i/>
          <w:iCs/>
        </w:rPr>
      </w:pPr>
      <w:r>
        <w:rPr>
          <w:i/>
          <w:iCs/>
        </w:rPr>
        <w:t>Franklin Township Community School Corporation</w:t>
      </w:r>
    </w:p>
    <w:p w14:paraId="13ED5C68" w14:textId="77777777" w:rsidR="00952E6D" w:rsidRPr="00210E6D" w:rsidRDefault="00952E6D" w:rsidP="00952E6D">
      <w:pPr>
        <w:pStyle w:val="Signature"/>
      </w:pPr>
    </w:p>
    <w:p w14:paraId="440ED405" w14:textId="77777777" w:rsidR="00D0097E" w:rsidRPr="00D0097E" w:rsidRDefault="00D0097E" w:rsidP="00C70239">
      <w:pPr>
        <w:pStyle w:val="TitleBold"/>
        <w:rPr>
          <w:rFonts w:cs="Arial"/>
          <w:szCs w:val="20"/>
        </w:rPr>
      </w:pPr>
      <w:bookmarkStart w:id="0" w:name="_GoBack"/>
      <w:bookmarkEnd w:id="0"/>
    </w:p>
    <w:sectPr w:rsidR="00D0097E" w:rsidRPr="00D0097E" w:rsidSect="00F1477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C4A9D29" w14:textId="77777777" w:rsidR="00413BA7" w:rsidRDefault="00413BA7">
      <w:r>
        <w:separator/>
      </w:r>
    </w:p>
  </w:endnote>
  <w:endnote w:type="continuationSeparator" w:id="0">
    <w:p w14:paraId="53B45849" w14:textId="77777777" w:rsidR="00413BA7" w:rsidRDefault="00413BA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8D8C26C" w14:textId="77777777" w:rsidR="00ED4D23" w:rsidRDefault="00ED4D23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A8A6B05" w14:textId="77777777" w:rsidR="00ED4D23" w:rsidRDefault="00ED4D23" w:rsidP="00E3618A">
    <w:pPr>
      <w:pStyle w:val="Footer"/>
      <w:tabs>
        <w:tab w:val="clear" w:pos="4680"/>
      </w:tabs>
      <w:jc w:val="center"/>
    </w:pPr>
  </w:p>
  <w:p w14:paraId="4B384BC6" w14:textId="27851F37" w:rsidR="00ED4D23" w:rsidRPr="00CF6571" w:rsidRDefault="00ED4D23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836FC0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836FC0">
      <w:rPr>
        <w:sz w:val="18"/>
      </w:rPr>
      <w:instrText>4882-3952-6419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836FC0">
      <w:rPr>
        <w:noProof/>
        <w:sz w:val="18"/>
      </w:rPr>
      <w:t>4882-3952-6419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8A279D3" w14:textId="77777777" w:rsidR="00ED4D23" w:rsidRDefault="00ED4D23">
    <w:pPr>
      <w:pStyle w:val="Footer"/>
    </w:pPr>
  </w:p>
  <w:p w14:paraId="3C287B94" w14:textId="380E0D09" w:rsidR="00ED4D23" w:rsidRDefault="00ED4D23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836FC0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836FC0">
      <w:rPr>
        <w:sz w:val="18"/>
      </w:rPr>
      <w:instrText>4882-3952-6419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836FC0">
      <w:rPr>
        <w:noProof/>
        <w:sz w:val="18"/>
      </w:rPr>
      <w:t>4882-3952-6419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3FF96361" w14:textId="77777777" w:rsidR="00413BA7" w:rsidRDefault="00413BA7">
      <w:r>
        <w:separator/>
      </w:r>
    </w:p>
  </w:footnote>
  <w:footnote w:type="continuationSeparator" w:id="0">
    <w:p w14:paraId="39ABEDAC" w14:textId="77777777" w:rsidR="00413BA7" w:rsidRDefault="00413BA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65B692C" w14:textId="77777777" w:rsidR="00ED4D23" w:rsidRDefault="00ED4D23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275AF0B" w14:textId="77777777" w:rsidR="00ED4D23" w:rsidRDefault="00ED4D23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CD58C45" w14:textId="77777777" w:rsidR="00ED4D23" w:rsidRDefault="00ED4D23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12A00A3E"/>
    <w:lvl w:ilvl="0">
      <w:start w:val="1"/>
      <w:numFmt w:val="upperRoman"/>
      <w:lvlRestart w:val="0"/>
      <w:pStyle w:val="Heading1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BEDED90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25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6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num w:numId="1">
    <w:abstractNumId w:val="10"/>
    <w:lvlOverride w:ilvl="0">
      <w:lvl w:ilvl="0">
        <w:start w:val="1"/>
        <w:numFmt w:val="upperRoman"/>
        <w:lvlRestart w:val="0"/>
        <w:pStyle w:val="Heading1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pStyle w:val="Heading2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pStyle w:val="Heading3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pStyle w:val="Heading4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pStyle w:val="Heading5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pStyle w:val="Heading6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pStyle w:val="Heading7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pStyle w:val="Heading8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pStyle w:val="Heading9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>
    <w:abstractNumId w:val="19"/>
  </w:num>
  <w:num w:numId="5">
    <w:abstractNumId w:val="12"/>
  </w:num>
  <w:num w:numId="6">
    <w:abstractNumId w:val="10"/>
  </w:num>
  <w:num w:numId="7">
    <w:abstractNumId w:val="22"/>
  </w:num>
  <w:num w:numId="8">
    <w:abstractNumId w:val="21"/>
  </w:num>
  <w:num w:numId="9">
    <w:abstractNumId w:val="9"/>
  </w:num>
  <w:num w:numId="10">
    <w:abstractNumId w:val="7"/>
  </w:num>
  <w:num w:numId="11">
    <w:abstractNumId w:val="6"/>
  </w:num>
  <w:num w:numId="12">
    <w:abstractNumId w:val="5"/>
  </w:num>
  <w:num w:numId="13">
    <w:abstractNumId w:val="4"/>
  </w:num>
  <w:num w:numId="14">
    <w:abstractNumId w:val="8"/>
  </w:num>
  <w:num w:numId="15">
    <w:abstractNumId w:val="3"/>
  </w:num>
  <w:num w:numId="16">
    <w:abstractNumId w:val="2"/>
  </w:num>
  <w:num w:numId="17">
    <w:abstractNumId w:val="1"/>
  </w:num>
  <w:num w:numId="18">
    <w:abstractNumId w:val="0"/>
  </w:num>
  <w:num w:numId="1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23"/>
  </w:num>
  <w:num w:numId="21">
    <w:abstractNumId w:val="25"/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26"/>
  </w:num>
  <w:num w:numId="28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activeWritingStyle w:appName="MSWord" w:lang="en-US" w:vendorID="64" w:dllVersion="4096" w:nlCheck="1" w:checkStyle="0"/>
  <w:proofState w:spelling="clean" w:grammar="clean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EC3"/>
    <w:rsid w:val="00032EE3"/>
    <w:rsid w:val="00033961"/>
    <w:rsid w:val="000349F6"/>
    <w:rsid w:val="0004157C"/>
    <w:rsid w:val="0004245A"/>
    <w:rsid w:val="0004621E"/>
    <w:rsid w:val="0005336E"/>
    <w:rsid w:val="000553A7"/>
    <w:rsid w:val="000607DC"/>
    <w:rsid w:val="00066769"/>
    <w:rsid w:val="00074F85"/>
    <w:rsid w:val="00076C60"/>
    <w:rsid w:val="00081784"/>
    <w:rsid w:val="00084670"/>
    <w:rsid w:val="000A0545"/>
    <w:rsid w:val="000A1807"/>
    <w:rsid w:val="000A674F"/>
    <w:rsid w:val="000B5604"/>
    <w:rsid w:val="000C05F4"/>
    <w:rsid w:val="000C081E"/>
    <w:rsid w:val="000C51B9"/>
    <w:rsid w:val="000D1AD8"/>
    <w:rsid w:val="000D40B9"/>
    <w:rsid w:val="000D78F7"/>
    <w:rsid w:val="000D7D7F"/>
    <w:rsid w:val="000F1C89"/>
    <w:rsid w:val="000F4D04"/>
    <w:rsid w:val="00101FE3"/>
    <w:rsid w:val="001140AF"/>
    <w:rsid w:val="00122C56"/>
    <w:rsid w:val="0012323E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7A"/>
    <w:rsid w:val="00167E53"/>
    <w:rsid w:val="00167F3D"/>
    <w:rsid w:val="001729B7"/>
    <w:rsid w:val="00175D58"/>
    <w:rsid w:val="00176265"/>
    <w:rsid w:val="00182642"/>
    <w:rsid w:val="00183A2B"/>
    <w:rsid w:val="00186FA9"/>
    <w:rsid w:val="001928F3"/>
    <w:rsid w:val="001942D8"/>
    <w:rsid w:val="001954C2"/>
    <w:rsid w:val="00195CB0"/>
    <w:rsid w:val="001B0151"/>
    <w:rsid w:val="001B2576"/>
    <w:rsid w:val="001B3FB6"/>
    <w:rsid w:val="001C1B21"/>
    <w:rsid w:val="001C41BB"/>
    <w:rsid w:val="001C557F"/>
    <w:rsid w:val="001E5CE0"/>
    <w:rsid w:val="001E7A70"/>
    <w:rsid w:val="001F0377"/>
    <w:rsid w:val="001F238F"/>
    <w:rsid w:val="001F44F6"/>
    <w:rsid w:val="001F638C"/>
    <w:rsid w:val="00204AD3"/>
    <w:rsid w:val="002077FD"/>
    <w:rsid w:val="00210528"/>
    <w:rsid w:val="00210E6D"/>
    <w:rsid w:val="002175E2"/>
    <w:rsid w:val="002215C3"/>
    <w:rsid w:val="00231F75"/>
    <w:rsid w:val="0023455C"/>
    <w:rsid w:val="00235B88"/>
    <w:rsid w:val="0024548F"/>
    <w:rsid w:val="002505F3"/>
    <w:rsid w:val="00252062"/>
    <w:rsid w:val="002553E3"/>
    <w:rsid w:val="00260F8F"/>
    <w:rsid w:val="00266CD3"/>
    <w:rsid w:val="00266D53"/>
    <w:rsid w:val="002674DA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A4783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E1FE9"/>
    <w:rsid w:val="002E4793"/>
    <w:rsid w:val="002E5321"/>
    <w:rsid w:val="002E6C3C"/>
    <w:rsid w:val="002F0996"/>
    <w:rsid w:val="00301A9B"/>
    <w:rsid w:val="00304EF4"/>
    <w:rsid w:val="0030586E"/>
    <w:rsid w:val="003108FC"/>
    <w:rsid w:val="003167B5"/>
    <w:rsid w:val="003175BD"/>
    <w:rsid w:val="003246E4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FF1"/>
    <w:rsid w:val="00370C8A"/>
    <w:rsid w:val="00380F3B"/>
    <w:rsid w:val="0038661A"/>
    <w:rsid w:val="0039744D"/>
    <w:rsid w:val="003A7167"/>
    <w:rsid w:val="003A7881"/>
    <w:rsid w:val="003A7BB1"/>
    <w:rsid w:val="003A7F6A"/>
    <w:rsid w:val="003B1549"/>
    <w:rsid w:val="003C7D80"/>
    <w:rsid w:val="003D0824"/>
    <w:rsid w:val="003D4601"/>
    <w:rsid w:val="003E5068"/>
    <w:rsid w:val="003E5AC1"/>
    <w:rsid w:val="003F4E5A"/>
    <w:rsid w:val="003F5B1D"/>
    <w:rsid w:val="003F7505"/>
    <w:rsid w:val="00405F1D"/>
    <w:rsid w:val="00413BA7"/>
    <w:rsid w:val="00416EBE"/>
    <w:rsid w:val="00440CEE"/>
    <w:rsid w:val="0044672D"/>
    <w:rsid w:val="004471E3"/>
    <w:rsid w:val="00447375"/>
    <w:rsid w:val="00452CA4"/>
    <w:rsid w:val="00453547"/>
    <w:rsid w:val="00455344"/>
    <w:rsid w:val="0045559B"/>
    <w:rsid w:val="00463018"/>
    <w:rsid w:val="00465D3E"/>
    <w:rsid w:val="00483C8E"/>
    <w:rsid w:val="0048486D"/>
    <w:rsid w:val="00485588"/>
    <w:rsid w:val="00487F4A"/>
    <w:rsid w:val="004903C9"/>
    <w:rsid w:val="0049113D"/>
    <w:rsid w:val="00493710"/>
    <w:rsid w:val="00495BAD"/>
    <w:rsid w:val="0049642C"/>
    <w:rsid w:val="004A0D67"/>
    <w:rsid w:val="004A4C14"/>
    <w:rsid w:val="004A7B5D"/>
    <w:rsid w:val="004B3915"/>
    <w:rsid w:val="004B52BC"/>
    <w:rsid w:val="004B6944"/>
    <w:rsid w:val="004B7ED3"/>
    <w:rsid w:val="004C6156"/>
    <w:rsid w:val="004C670B"/>
    <w:rsid w:val="004D3E4A"/>
    <w:rsid w:val="004D745D"/>
    <w:rsid w:val="004D7854"/>
    <w:rsid w:val="004E1384"/>
    <w:rsid w:val="004E31FB"/>
    <w:rsid w:val="004E62A1"/>
    <w:rsid w:val="004F1C5D"/>
    <w:rsid w:val="004F614F"/>
    <w:rsid w:val="00500FAE"/>
    <w:rsid w:val="00506F17"/>
    <w:rsid w:val="00512306"/>
    <w:rsid w:val="00524239"/>
    <w:rsid w:val="00524FEF"/>
    <w:rsid w:val="005343F1"/>
    <w:rsid w:val="0053630F"/>
    <w:rsid w:val="00537086"/>
    <w:rsid w:val="005372D0"/>
    <w:rsid w:val="00541F16"/>
    <w:rsid w:val="00542DE0"/>
    <w:rsid w:val="00543C7B"/>
    <w:rsid w:val="0054686A"/>
    <w:rsid w:val="0055087A"/>
    <w:rsid w:val="00551C0B"/>
    <w:rsid w:val="0055306E"/>
    <w:rsid w:val="0055798D"/>
    <w:rsid w:val="0056123E"/>
    <w:rsid w:val="00567394"/>
    <w:rsid w:val="00570490"/>
    <w:rsid w:val="00574B08"/>
    <w:rsid w:val="0057567B"/>
    <w:rsid w:val="005917C8"/>
    <w:rsid w:val="00596633"/>
    <w:rsid w:val="00597621"/>
    <w:rsid w:val="00597639"/>
    <w:rsid w:val="005A1401"/>
    <w:rsid w:val="005A24A7"/>
    <w:rsid w:val="005A30CD"/>
    <w:rsid w:val="005A7655"/>
    <w:rsid w:val="005B1A86"/>
    <w:rsid w:val="005C08C0"/>
    <w:rsid w:val="005C6132"/>
    <w:rsid w:val="005C6D21"/>
    <w:rsid w:val="005C7847"/>
    <w:rsid w:val="005D5249"/>
    <w:rsid w:val="005D5A52"/>
    <w:rsid w:val="005E1CA0"/>
    <w:rsid w:val="005E5889"/>
    <w:rsid w:val="005E64CC"/>
    <w:rsid w:val="005F00F8"/>
    <w:rsid w:val="005F0681"/>
    <w:rsid w:val="005F29F6"/>
    <w:rsid w:val="005F402A"/>
    <w:rsid w:val="00607687"/>
    <w:rsid w:val="00610C26"/>
    <w:rsid w:val="0061234F"/>
    <w:rsid w:val="006133D1"/>
    <w:rsid w:val="0061420F"/>
    <w:rsid w:val="00620C13"/>
    <w:rsid w:val="00623768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EED"/>
    <w:rsid w:val="006569B4"/>
    <w:rsid w:val="00656F1E"/>
    <w:rsid w:val="006612AE"/>
    <w:rsid w:val="00661852"/>
    <w:rsid w:val="006636A0"/>
    <w:rsid w:val="00664D75"/>
    <w:rsid w:val="00676CE5"/>
    <w:rsid w:val="006818C8"/>
    <w:rsid w:val="00696F20"/>
    <w:rsid w:val="00697FE9"/>
    <w:rsid w:val="006B16CA"/>
    <w:rsid w:val="006B19D1"/>
    <w:rsid w:val="006B3DC1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CA4"/>
    <w:rsid w:val="006E71CC"/>
    <w:rsid w:val="006F2588"/>
    <w:rsid w:val="006F45CE"/>
    <w:rsid w:val="006F593A"/>
    <w:rsid w:val="00705E69"/>
    <w:rsid w:val="00710C80"/>
    <w:rsid w:val="00715D27"/>
    <w:rsid w:val="00725DC1"/>
    <w:rsid w:val="00735ED5"/>
    <w:rsid w:val="00744D91"/>
    <w:rsid w:val="00745C77"/>
    <w:rsid w:val="00745EF8"/>
    <w:rsid w:val="00747652"/>
    <w:rsid w:val="007477CE"/>
    <w:rsid w:val="007519E6"/>
    <w:rsid w:val="00753340"/>
    <w:rsid w:val="00761977"/>
    <w:rsid w:val="00766404"/>
    <w:rsid w:val="0076770B"/>
    <w:rsid w:val="007679B0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5194"/>
    <w:rsid w:val="007A5C5E"/>
    <w:rsid w:val="007B0715"/>
    <w:rsid w:val="007D252D"/>
    <w:rsid w:val="007D47A9"/>
    <w:rsid w:val="007E21A7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16FA2"/>
    <w:rsid w:val="00820EB7"/>
    <w:rsid w:val="00827D5B"/>
    <w:rsid w:val="008336A2"/>
    <w:rsid w:val="00833870"/>
    <w:rsid w:val="008351DA"/>
    <w:rsid w:val="00836FC0"/>
    <w:rsid w:val="00841AC9"/>
    <w:rsid w:val="00843426"/>
    <w:rsid w:val="0084557F"/>
    <w:rsid w:val="00864C7C"/>
    <w:rsid w:val="00870000"/>
    <w:rsid w:val="00871BB2"/>
    <w:rsid w:val="008759E9"/>
    <w:rsid w:val="008A22C6"/>
    <w:rsid w:val="008A481B"/>
    <w:rsid w:val="008A6D60"/>
    <w:rsid w:val="008B1322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1E5E"/>
    <w:rsid w:val="0090433F"/>
    <w:rsid w:val="009100A6"/>
    <w:rsid w:val="00914BA3"/>
    <w:rsid w:val="0091640D"/>
    <w:rsid w:val="00917339"/>
    <w:rsid w:val="00917FC8"/>
    <w:rsid w:val="009214D3"/>
    <w:rsid w:val="0092311C"/>
    <w:rsid w:val="00924D27"/>
    <w:rsid w:val="00931018"/>
    <w:rsid w:val="00931817"/>
    <w:rsid w:val="00934AA7"/>
    <w:rsid w:val="00940270"/>
    <w:rsid w:val="009440E5"/>
    <w:rsid w:val="00950B21"/>
    <w:rsid w:val="00952689"/>
    <w:rsid w:val="00952E6D"/>
    <w:rsid w:val="00961F52"/>
    <w:rsid w:val="0096273C"/>
    <w:rsid w:val="00982DD6"/>
    <w:rsid w:val="009845F1"/>
    <w:rsid w:val="00987489"/>
    <w:rsid w:val="009920CA"/>
    <w:rsid w:val="009926C7"/>
    <w:rsid w:val="00993372"/>
    <w:rsid w:val="00995C71"/>
    <w:rsid w:val="0099751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797E"/>
    <w:rsid w:val="009E30FD"/>
    <w:rsid w:val="009E67B2"/>
    <w:rsid w:val="009F2DA1"/>
    <w:rsid w:val="009F4844"/>
    <w:rsid w:val="009F5B43"/>
    <w:rsid w:val="00A013EE"/>
    <w:rsid w:val="00A05F35"/>
    <w:rsid w:val="00A078B1"/>
    <w:rsid w:val="00A07980"/>
    <w:rsid w:val="00A13F03"/>
    <w:rsid w:val="00A16499"/>
    <w:rsid w:val="00A2102A"/>
    <w:rsid w:val="00A2135D"/>
    <w:rsid w:val="00A219CB"/>
    <w:rsid w:val="00A26584"/>
    <w:rsid w:val="00A27502"/>
    <w:rsid w:val="00A32B2C"/>
    <w:rsid w:val="00A37940"/>
    <w:rsid w:val="00A41061"/>
    <w:rsid w:val="00A42E30"/>
    <w:rsid w:val="00A4378D"/>
    <w:rsid w:val="00A45DAF"/>
    <w:rsid w:val="00A56B9D"/>
    <w:rsid w:val="00A57168"/>
    <w:rsid w:val="00A572B4"/>
    <w:rsid w:val="00A72CA5"/>
    <w:rsid w:val="00A72CDC"/>
    <w:rsid w:val="00A814DE"/>
    <w:rsid w:val="00A816A5"/>
    <w:rsid w:val="00A864DD"/>
    <w:rsid w:val="00A87219"/>
    <w:rsid w:val="00A93B92"/>
    <w:rsid w:val="00AA3816"/>
    <w:rsid w:val="00AA5B41"/>
    <w:rsid w:val="00AB0B55"/>
    <w:rsid w:val="00AB722F"/>
    <w:rsid w:val="00AC142C"/>
    <w:rsid w:val="00AC1ED6"/>
    <w:rsid w:val="00AD01F2"/>
    <w:rsid w:val="00AD174F"/>
    <w:rsid w:val="00AE2FD7"/>
    <w:rsid w:val="00AE40B0"/>
    <w:rsid w:val="00AF472B"/>
    <w:rsid w:val="00B017B8"/>
    <w:rsid w:val="00B018C0"/>
    <w:rsid w:val="00B075C2"/>
    <w:rsid w:val="00B07D86"/>
    <w:rsid w:val="00B121D0"/>
    <w:rsid w:val="00B12D70"/>
    <w:rsid w:val="00B13808"/>
    <w:rsid w:val="00B23C52"/>
    <w:rsid w:val="00B268C1"/>
    <w:rsid w:val="00B337B8"/>
    <w:rsid w:val="00B37E43"/>
    <w:rsid w:val="00B47472"/>
    <w:rsid w:val="00B479EC"/>
    <w:rsid w:val="00B5611D"/>
    <w:rsid w:val="00B56798"/>
    <w:rsid w:val="00B60468"/>
    <w:rsid w:val="00B62E56"/>
    <w:rsid w:val="00B65673"/>
    <w:rsid w:val="00B67205"/>
    <w:rsid w:val="00B6765D"/>
    <w:rsid w:val="00B705C0"/>
    <w:rsid w:val="00B73B5F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3972"/>
    <w:rsid w:val="00BE6BEF"/>
    <w:rsid w:val="00BE7581"/>
    <w:rsid w:val="00BF01D8"/>
    <w:rsid w:val="00BF15DC"/>
    <w:rsid w:val="00BF2CC7"/>
    <w:rsid w:val="00BF2EED"/>
    <w:rsid w:val="00BF3F46"/>
    <w:rsid w:val="00BF4B5B"/>
    <w:rsid w:val="00BF6558"/>
    <w:rsid w:val="00C04FCE"/>
    <w:rsid w:val="00C10634"/>
    <w:rsid w:val="00C12D6C"/>
    <w:rsid w:val="00C3336D"/>
    <w:rsid w:val="00C33A2D"/>
    <w:rsid w:val="00C33A7D"/>
    <w:rsid w:val="00C3566E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70239"/>
    <w:rsid w:val="00C74312"/>
    <w:rsid w:val="00C75854"/>
    <w:rsid w:val="00C77C36"/>
    <w:rsid w:val="00C80D02"/>
    <w:rsid w:val="00C812DC"/>
    <w:rsid w:val="00C82CB6"/>
    <w:rsid w:val="00C83E48"/>
    <w:rsid w:val="00C87311"/>
    <w:rsid w:val="00C91BE7"/>
    <w:rsid w:val="00C92344"/>
    <w:rsid w:val="00C94735"/>
    <w:rsid w:val="00C95EB8"/>
    <w:rsid w:val="00CB2896"/>
    <w:rsid w:val="00CB5659"/>
    <w:rsid w:val="00CB56D1"/>
    <w:rsid w:val="00CB75E0"/>
    <w:rsid w:val="00CC0CC5"/>
    <w:rsid w:val="00CC28F4"/>
    <w:rsid w:val="00CD2531"/>
    <w:rsid w:val="00CD7898"/>
    <w:rsid w:val="00CE2648"/>
    <w:rsid w:val="00CE6ECC"/>
    <w:rsid w:val="00CE71E9"/>
    <w:rsid w:val="00CF00C0"/>
    <w:rsid w:val="00CF7F84"/>
    <w:rsid w:val="00D0097E"/>
    <w:rsid w:val="00D1112D"/>
    <w:rsid w:val="00D21B4D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5D0"/>
    <w:rsid w:val="00D57716"/>
    <w:rsid w:val="00D57A30"/>
    <w:rsid w:val="00D63EEF"/>
    <w:rsid w:val="00D7244B"/>
    <w:rsid w:val="00D73F52"/>
    <w:rsid w:val="00D763ED"/>
    <w:rsid w:val="00D80F3C"/>
    <w:rsid w:val="00D83B35"/>
    <w:rsid w:val="00D87534"/>
    <w:rsid w:val="00D87CFC"/>
    <w:rsid w:val="00D91E57"/>
    <w:rsid w:val="00D970FA"/>
    <w:rsid w:val="00DA47B7"/>
    <w:rsid w:val="00DA48CF"/>
    <w:rsid w:val="00DB09FF"/>
    <w:rsid w:val="00DB28D2"/>
    <w:rsid w:val="00DB3603"/>
    <w:rsid w:val="00DB528A"/>
    <w:rsid w:val="00DB69C1"/>
    <w:rsid w:val="00DB7786"/>
    <w:rsid w:val="00DC358D"/>
    <w:rsid w:val="00DD023E"/>
    <w:rsid w:val="00DD147F"/>
    <w:rsid w:val="00DD62CA"/>
    <w:rsid w:val="00DE4D30"/>
    <w:rsid w:val="00DF0491"/>
    <w:rsid w:val="00DF3A08"/>
    <w:rsid w:val="00DF67D0"/>
    <w:rsid w:val="00E01DD4"/>
    <w:rsid w:val="00E02856"/>
    <w:rsid w:val="00E030ED"/>
    <w:rsid w:val="00E04DD1"/>
    <w:rsid w:val="00E115FC"/>
    <w:rsid w:val="00E17355"/>
    <w:rsid w:val="00E221F3"/>
    <w:rsid w:val="00E30819"/>
    <w:rsid w:val="00E31B15"/>
    <w:rsid w:val="00E32F3C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436A"/>
    <w:rsid w:val="00E65369"/>
    <w:rsid w:val="00E82246"/>
    <w:rsid w:val="00E8267F"/>
    <w:rsid w:val="00E82B70"/>
    <w:rsid w:val="00E83924"/>
    <w:rsid w:val="00E83D1A"/>
    <w:rsid w:val="00E840CF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343F"/>
    <w:rsid w:val="00ED0CD9"/>
    <w:rsid w:val="00ED17B7"/>
    <w:rsid w:val="00ED3CEA"/>
    <w:rsid w:val="00ED4D23"/>
    <w:rsid w:val="00ED7545"/>
    <w:rsid w:val="00EE01DC"/>
    <w:rsid w:val="00EE1416"/>
    <w:rsid w:val="00EE32E7"/>
    <w:rsid w:val="00EF3123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E57"/>
    <w:rsid w:val="00F20D2B"/>
    <w:rsid w:val="00F2294A"/>
    <w:rsid w:val="00F3000E"/>
    <w:rsid w:val="00F329BB"/>
    <w:rsid w:val="00F35342"/>
    <w:rsid w:val="00F67D26"/>
    <w:rsid w:val="00F67D4E"/>
    <w:rsid w:val="00F71403"/>
    <w:rsid w:val="00F71C9C"/>
    <w:rsid w:val="00F7511B"/>
    <w:rsid w:val="00F76C40"/>
    <w:rsid w:val="00F812C0"/>
    <w:rsid w:val="00F81386"/>
    <w:rsid w:val="00F829D4"/>
    <w:rsid w:val="00F838D9"/>
    <w:rsid w:val="00F90DFF"/>
    <w:rsid w:val="00F97D97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E0"/>
    <w:rsid w:val="00FD14F1"/>
    <w:rsid w:val="00FD416D"/>
    <w:rsid w:val="00FE421B"/>
    <w:rsid w:val="00FE65AD"/>
    <w:rsid w:val="00FF1C79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F67D26"/>
    <w:pPr>
      <w:numPr>
        <w:numId w:val="6"/>
      </w:numPr>
      <w:spacing w:after="240"/>
      <w:jc w:val="both"/>
      <w:outlineLvl w:val="0"/>
    </w:pPr>
  </w:style>
  <w:style w:type="paragraph" w:styleId="Heading2">
    <w:name w:val="heading 2"/>
    <w:basedOn w:val="Normal"/>
    <w:link w:val="Heading2Char"/>
    <w:qFormat/>
    <w:rsid w:val="00F67D26"/>
    <w:pPr>
      <w:numPr>
        <w:ilvl w:val="1"/>
        <w:numId w:val="6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F67D26"/>
    <w:pPr>
      <w:numPr>
        <w:ilvl w:val="2"/>
        <w:numId w:val="6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F67D26"/>
    <w:pPr>
      <w:numPr>
        <w:ilvl w:val="3"/>
        <w:numId w:val="6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F67D26"/>
    <w:pPr>
      <w:numPr>
        <w:ilvl w:val="4"/>
        <w:numId w:val="6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F67D26"/>
    <w:pPr>
      <w:numPr>
        <w:ilvl w:val="5"/>
        <w:numId w:val="6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67D26"/>
    <w:pPr>
      <w:numPr>
        <w:ilvl w:val="6"/>
        <w:numId w:val="6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F67D26"/>
    <w:pPr>
      <w:numPr>
        <w:ilvl w:val="7"/>
        <w:numId w:val="6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F67D26"/>
    <w:pPr>
      <w:numPr>
        <w:ilvl w:val="8"/>
        <w:numId w:val="6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8A846956-8C3E-4ECD-A0F4-B60489D78E0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21</TotalTime>
  <Pages>1</Pages>
  <Words>249</Words>
  <Characters>1420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ROCEEDINGS OF</vt:lpstr>
    </vt:vector>
  </TitlesOfParts>
  <Company>Ice Miller</Company>
  <LinksUpToDate>false</LinksUpToDate>
  <CharactersWithSpaces>166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PROCEEDINGS OF</dc:title>
  <dc:subject/>
  <dc:creator>WIGER</dc:creator>
  <cp:keywords/>
  <dc:description/>
  <cp:lastModifiedBy>Fred McWhorter</cp:lastModifiedBy>
  <cp:revision>18</cp:revision>
  <cp:lastPrinted>2021-01-20T20:27:00Z</cp:lastPrinted>
  <dcterms:created xsi:type="dcterms:W3CDTF">2021-06-24T16:00:00Z</dcterms:created>
  <dcterms:modified xsi:type="dcterms:W3CDTF">2022-03-15T13:2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82-3952-6419.1</vt:lpwstr>
  </property>
</Properties>
</file>